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BED9824-3FC1-4754-B978-FC3DA78B7788}" v="1" dt="2026-06-25T11:26:57.691"/>
    <p1510:client id="{910D210C-A34D-431B-A6B9-B89BBF9EAF05}" v="6" dt="2026-06-25T11:16:17.81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11" d="100"/>
          <a:sy n="111" d="100"/>
        </p:scale>
        <p:origin x="594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amya Sreenivasan" userId="a475b1e1-b8a4-4bc9-945d-c16507be1bdc" providerId="ADAL" clId="{E3368EF7-2FD6-4BBE-B666-DF4276FE1F16}"/>
    <pc:docChg chg="modSld sldOrd">
      <pc:chgData name="Ramya Sreenivasan" userId="a475b1e1-b8a4-4bc9-945d-c16507be1bdc" providerId="ADAL" clId="{E3368EF7-2FD6-4BBE-B666-DF4276FE1F16}" dt="2026-06-25T11:17:34.197" v="13"/>
      <pc:docMkLst>
        <pc:docMk/>
      </pc:docMkLst>
      <pc:sldChg chg="modSp">
        <pc:chgData name="Ramya Sreenivasan" userId="a475b1e1-b8a4-4bc9-945d-c16507be1bdc" providerId="ADAL" clId="{E3368EF7-2FD6-4BBE-B666-DF4276FE1F16}" dt="2026-06-25T11:14:54.407" v="0" actId="14826"/>
        <pc:sldMkLst>
          <pc:docMk/>
          <pc:sldMk cId="2748576720" sldId="257"/>
        </pc:sldMkLst>
        <pc:picChg chg="mod">
          <ac:chgData name="Ramya Sreenivasan" userId="a475b1e1-b8a4-4bc9-945d-c16507be1bdc" providerId="ADAL" clId="{E3368EF7-2FD6-4BBE-B666-DF4276FE1F16}" dt="2026-06-25T11:14:54.407" v="0" actId="14826"/>
          <ac:picMkLst>
            <pc:docMk/>
            <pc:sldMk cId="2748576720" sldId="257"/>
            <ac:picMk id="12" creationId="{7F515EA1-2286-858E-F3A6-BD474CB8ED3E}"/>
          </ac:picMkLst>
        </pc:picChg>
      </pc:sldChg>
      <pc:sldChg chg="modSp">
        <pc:chgData name="Ramya Sreenivasan" userId="a475b1e1-b8a4-4bc9-945d-c16507be1bdc" providerId="ADAL" clId="{E3368EF7-2FD6-4BBE-B666-DF4276FE1F16}" dt="2026-06-25T11:15:24.681" v="3" actId="14826"/>
        <pc:sldMkLst>
          <pc:docMk/>
          <pc:sldMk cId="3035780936" sldId="271"/>
        </pc:sldMkLst>
        <pc:picChg chg="mod">
          <ac:chgData name="Ramya Sreenivasan" userId="a475b1e1-b8a4-4bc9-945d-c16507be1bdc" providerId="ADAL" clId="{E3368EF7-2FD6-4BBE-B666-DF4276FE1F16}" dt="2026-06-25T11:15:24.681" v="3" actId="14826"/>
          <ac:picMkLst>
            <pc:docMk/>
            <pc:sldMk cId="3035780936" sldId="271"/>
            <ac:picMk id="4" creationId="{1A038923-FFF2-2388-BD59-A0D9B2853285}"/>
          </ac:picMkLst>
        </pc:picChg>
      </pc:sldChg>
      <pc:sldChg chg="modSp ord">
        <pc:chgData name="Ramya Sreenivasan" userId="a475b1e1-b8a4-4bc9-945d-c16507be1bdc" providerId="ADAL" clId="{E3368EF7-2FD6-4BBE-B666-DF4276FE1F16}" dt="2026-06-25T11:17:34.197" v="13"/>
        <pc:sldMkLst>
          <pc:docMk/>
          <pc:sldMk cId="245014488" sldId="273"/>
        </pc:sldMkLst>
        <pc:picChg chg="mod">
          <ac:chgData name="Ramya Sreenivasan" userId="a475b1e1-b8a4-4bc9-945d-c16507be1bdc" providerId="ADAL" clId="{E3368EF7-2FD6-4BBE-B666-DF4276FE1F16}" dt="2026-06-25T11:16:17.810" v="9" actId="14826"/>
          <ac:picMkLst>
            <pc:docMk/>
            <pc:sldMk cId="245014488" sldId="273"/>
            <ac:picMk id="2" creationId="{52E54D61-6F3F-E6B7-5F6F-590439554BC3}"/>
          </ac:picMkLst>
        </pc:picChg>
      </pc:sldChg>
      <pc:sldChg chg="modSp mod">
        <pc:chgData name="Ramya Sreenivasan" userId="a475b1e1-b8a4-4bc9-945d-c16507be1bdc" providerId="ADAL" clId="{E3368EF7-2FD6-4BBE-B666-DF4276FE1F16}" dt="2026-06-25T11:15:59.573" v="8" actId="13244"/>
        <pc:sldMkLst>
          <pc:docMk/>
          <pc:sldMk cId="789460267" sldId="274"/>
        </pc:sldMkLst>
        <pc:picChg chg="mod ord">
          <ac:chgData name="Ramya Sreenivasan" userId="a475b1e1-b8a4-4bc9-945d-c16507be1bdc" providerId="ADAL" clId="{E3368EF7-2FD6-4BBE-B666-DF4276FE1F16}" dt="2026-06-25T11:15:59.573" v="8" actId="13244"/>
          <ac:picMkLst>
            <pc:docMk/>
            <pc:sldMk cId="789460267" sldId="274"/>
            <ac:picMk id="2" creationId="{C4A91859-DAEA-4C22-1362-9EBAC0365C4B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5/06/2026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6/25/2026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6486F87-2A23-4BBA-102B-FDEA533C74FB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hdr"/>
              </p:ext>
            </p:extLst>
          </p:nvPr>
        </p:nvSpPr>
        <p:spPr>
          <a:xfrm>
            <a:off x="11441113" y="63500"/>
            <a:ext cx="712787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1000">
                <a:solidFill>
                  <a:srgbClr val="000000">
                    <a:alpha val="50000"/>
                  </a:srgbClr>
                </a:solidFill>
                <a:latin typeface="Aptos" panose="020B0004020202020204" pitchFamily="34" charset="0"/>
              </a:rPr>
              <a:t>Unrestricted</a:t>
            </a:r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cns-partnership-conference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ackground Image">
            <a:extLst>
              <a:ext uri="{FF2B5EF4-FFF2-40B4-BE49-F238E27FC236}">
                <a16:creationId xmlns:a16="http://schemas.microsoft.com/office/drawing/2014/main" id="{7F515EA1-2286-858E-F3A6-BD474CB8ED3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-13064"/>
            <a:ext cx="12215221" cy="68710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</a:t>
            </a:r>
            <a:r>
              <a:rPr lang="cs-CZ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CNS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CN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2924" y="3688166"/>
            <a:ext cx="4866153" cy="27351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779"/>
            <a:ext cx="12191997" cy="6856441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91998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20" ma:contentTypeDescription="Create a new document." ma:contentTypeScope="" ma:versionID="1accb232203815ec3040efc51cba9a2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f47486965727e27118c92c38a2790d79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7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34183C6-7270-4AC2-9CD2-45B68A49FD3D}">
  <ds:schemaRefs>
    <ds:schemaRef ds:uri="http://www.w3.org/XML/1998/namespace"/>
    <ds:schemaRef ds:uri="da655568-1247-43c7-b5ce-0d71de2fb494"/>
    <ds:schemaRef ds:uri="http://purl.org/dc/dcmitype/"/>
    <ds:schemaRef ds:uri="4ffaaae9-dc8c-459f-a92e-1529c78bcbdb"/>
    <ds:schemaRef ds:uri="http://schemas.microsoft.com/office/2006/documentManagement/types"/>
    <ds:schemaRef ds:uri="http://purl.org/dc/elements/1.1/"/>
    <ds:schemaRef ds:uri="86e16ca4-215f-4354-b2b5-4fac53992da1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purl.org/dc/terms/"/>
  </ds:schemaRefs>
</ds:datastoreItem>
</file>

<file path=customXml/itemProps2.xml><?xml version="1.0" encoding="utf-8"?>
<ds:datastoreItem xmlns:ds="http://schemas.openxmlformats.org/officeDocument/2006/customXml" ds:itemID="{A8B2D679-E87D-45E8-943A-2F2AF4B7FA7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Metadata/LabelInfo.xml><?xml version="1.0" encoding="utf-8"?>
<clbl:labelList xmlns:clbl="http://schemas.microsoft.com/office/2020/mipLabelMetadata">
  <clbl:label id="{44ae014c-8170-484b-8a8e-3a6b842e2604}" enabled="1" method="Standard" siteId="{ad221784-72a8-4263-ac86-0ccc6b152cd8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ptos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Ramya Sreenivasan</cp:lastModifiedBy>
  <cp:revision>1</cp:revision>
  <dcterms:created xsi:type="dcterms:W3CDTF">2023-06-13T12:34:15Z</dcterms:created>
  <dcterms:modified xsi:type="dcterms:W3CDTF">2026-06-25T11:26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ClassificationContentMarkingHeaderLocations">
    <vt:lpwstr>Office Theme:8</vt:lpwstr>
  </property>
  <property fmtid="{D5CDD505-2E9C-101B-9397-08002B2CF9AE}" pid="12" name="ClassificationContentMarkingHeaderText">
    <vt:lpwstr>Unrestricted</vt:lpwstr>
  </property>
</Properties>
</file>